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2" d="100"/>
          <a:sy n="82" d="100"/>
        </p:scale>
        <p:origin x="691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B7D08B-D471-4226-8875-C2648075969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5F019A1-9803-46DD-BD04-78634CE3E64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DA536-22DD-4493-82FF-830C12D8ED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327734-1A07-41F5-8310-6C81A2B70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DF4AC5-0B7B-4A8E-8D75-BCC243736C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251874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759A-2B00-43F7-8A8C-B92DA25279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DDCCF0C-B386-42F6-99CF-23F8E43D0D9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F6AE7A-B680-4714-9E48-09C3EB1B98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2452342-1B65-4B5B-A2ED-B053AA9F3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233939-95E4-40EC-898D-95CE77ABB3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78548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2F51F85-FCB5-4C11-96DF-F6D4BB72612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4C82E65-E889-4FA0-A653-867E09AF685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5544B8-8950-408A-A581-933EAC48B6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37A3BD-C4E7-473F-848D-633AF511DF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3B2D11-BD82-4A31-9AE2-8A0F2C7BC3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90642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47A596-1C30-485F-AEEB-9BAE13A49D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2C0A92-E64B-4673-9CBB-DE9940F3124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3FCB0F-56EB-4144-B7E7-24CC35ADF1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3492A4-0A31-4A82-86E2-DAEF046131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54A42-CDC7-4D50-BCAB-8DDE5E4AFC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30856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DFB1FA-8D27-4C2D-83AC-8D0C0C2C9D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AB37691-D0CB-4C07-A646-186C6F19883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2B35D6-825B-4E67-8E23-8B2F0142D5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C38C7D-5295-4C9B-A84D-34B3F55367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131812-A299-4677-8754-A330C84E67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69582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4B3C34-E31E-4118-A6DE-1B587D392E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D8250A9-96DE-44F7-A601-7C51F0902D1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6E4159D-A5E1-4F59-B55C-5326805DF0D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20D6CB-92FF-45C1-AA82-BA3D1695C9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218B8E3-EDDA-438C-A606-1468585D08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296575-D484-462F-851E-F9F98469CA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57601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7707BD-4CE0-4C79-BDFC-E4BE99263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D42E1C-AE4F-4E13-AC90-2306BFA8976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DF4C8D6-05C5-4B43-9048-B4433E322F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A7081D2-B3DF-435A-A577-B2C3F854DDB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DFEFD39-4306-413E-B02D-C18F7DAD0DD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A63A03F-4061-4F37-B841-F3EA0B488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DC70F3F-EE80-4F82-9BB4-8F2C7062AC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CAB4302-4EDB-4691-A703-5D1B2FAADF0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5898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9D3565-532D-4144-922D-58AC5EDADB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2379C31-3325-425A-8DA2-CAB20657BE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E6E59A2-30BA-406C-8131-71D67DA62B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0B25045-B066-4019-8E72-92B2A7F684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27460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BD1D11D-0A2A-4F04-A5B8-C1454F23A7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28E7E3F-0449-4A86-B3DB-3E1E2E16EA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73E75F2-56A1-4798-BC11-29731BF6C8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63142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4287A9-C690-4DE8-A91C-66F93FEB68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BC5D288-93F2-4805-B866-58734B3C08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E4874CA-4E98-4A91-85C4-B5BFD82DE7C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22720E8-5C4B-49C6-9604-1D609AE8A1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F0C6125-9C74-4468-A010-C1738FB259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E908890-CC1F-4B68-832D-FD8ED126B2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845212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CA059B-AAA2-4973-B3B0-C7F2C496D0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DED3A59-517C-4E01-B90C-1CF16D01B79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2704BA-B0F4-4241-8615-CE1CCBE5A86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294797-8CA6-4A66-AA18-FC001AD346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1C95B4-DA94-41E1-B679-FB81129526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BDE3DF7-F0C9-4AA1-A27C-C937570BC0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71690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E31F9D2-BF26-48A3-8D03-B6C0B84455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7697391-6A0D-4A1C-9803-CE84F60A59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3D1708-4A55-44CD-AC30-F0B3EFC430A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5A847C-2B6D-419C-B4B6-78BBB305BAD1}" type="datetimeFigureOut">
              <a:rPr lang="en-GB" smtClean="0"/>
              <a:t>03/03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5FD58C-DB56-439B-8CBE-68B7973663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E2E7EE2-DAB6-4172-8139-79512437A3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770D95C-5DCD-43BA-B252-41EF807F77E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86753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EDF70E47-B0C0-4C36-93B5-5F3147F852D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1A8D0738-EFA1-4049-8534-7F06D33D92C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cxnSp>
        <p:nvCxnSpPr>
          <p:cNvPr id="19" name="OTLSHAPE_M_79a45262a98b4a84b8458c959701db32_Connector1">
            <a:extLst>
              <a:ext uri="{FF2B5EF4-FFF2-40B4-BE49-F238E27FC236}">
                <a16:creationId xmlns:a16="http://schemas.microsoft.com/office/drawing/2014/main" id="{9F856273-8753-4262-804C-8D4A663F60C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797881" y="4456468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a39a480e7fc142db886a11be8571f1bf_LeftVerticalConnector1">
            <a:extLst>
              <a:ext uri="{FF2B5EF4-FFF2-40B4-BE49-F238E27FC236}">
                <a16:creationId xmlns:a16="http://schemas.microsoft.com/office/drawing/2014/main" id="{D6B4194A-8939-4D24-92C5-FA91C112FCC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153920" y="10775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39a480e7fc142db886a11be8571f1bf_LeftVerticalConnector2">
            <a:extLst>
              <a:ext uri="{FF2B5EF4-FFF2-40B4-BE49-F238E27FC236}">
                <a16:creationId xmlns:a16="http://schemas.microsoft.com/office/drawing/2014/main" id="{2425E7A2-0F3D-4C16-AD18-133993C078D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153920" y="1382395"/>
            <a:ext cx="0" cy="3486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a39a480e7fc142db886a11be8571f1bf_RightVerticalConnector1">
            <a:extLst>
              <a:ext uri="{FF2B5EF4-FFF2-40B4-BE49-F238E27FC236}">
                <a16:creationId xmlns:a16="http://schemas.microsoft.com/office/drawing/2014/main" id="{7E2EC334-CD44-4B4B-9DEE-6E4A58CD0C4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124790" y="1077595"/>
            <a:ext cx="0" cy="15017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a39a480e7fc142db886a11be8571f1bf_RightVerticalConnector2">
            <a:extLst>
              <a:ext uri="{FF2B5EF4-FFF2-40B4-BE49-F238E27FC236}">
                <a16:creationId xmlns:a16="http://schemas.microsoft.com/office/drawing/2014/main" id="{9EFFD8D3-389B-47EA-B525-2451722C316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24790" y="1359217"/>
            <a:ext cx="0" cy="8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a39a480e7fc142db886a11be8571f1bf_RightVerticalConnector3">
            <a:extLst>
              <a:ext uri="{FF2B5EF4-FFF2-40B4-BE49-F238E27FC236}">
                <a16:creationId xmlns:a16="http://schemas.microsoft.com/office/drawing/2014/main" id="{E84DEA81-0902-4025-9C0E-56A789661FA1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24790" y="1814195"/>
            <a:ext cx="0" cy="15494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a39a480e7fc142db886a11be8571f1bf_RightVerticalConnector4">
            <a:extLst>
              <a:ext uri="{FF2B5EF4-FFF2-40B4-BE49-F238E27FC236}">
                <a16:creationId xmlns:a16="http://schemas.microsoft.com/office/drawing/2014/main" id="{DB85D94A-4563-46D6-90AA-6DDFDD6BECF9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124790" y="3541395"/>
            <a:ext cx="0" cy="13277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32143e21de9f4fc7b4a41052d7131caa_LeftVerticalConnector1">
            <a:extLst>
              <a:ext uri="{FF2B5EF4-FFF2-40B4-BE49-F238E27FC236}">
                <a16:creationId xmlns:a16="http://schemas.microsoft.com/office/drawing/2014/main" id="{48A3D3BA-B95D-4C4F-9ACB-FFC5179372C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139441" y="3452495"/>
            <a:ext cx="0" cy="14166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32143e21de9f4fc7b4a41052d7131caa_RightVerticalConnector1">
            <a:extLst>
              <a:ext uri="{FF2B5EF4-FFF2-40B4-BE49-F238E27FC236}">
                <a16:creationId xmlns:a16="http://schemas.microsoft.com/office/drawing/2014/main" id="{563BCCA6-E5A9-454E-A03A-C54B28935D7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574111" y="3452495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32143e21de9f4fc7b4a41052d7131caa_RightVerticalConnector2">
            <a:extLst>
              <a:ext uri="{FF2B5EF4-FFF2-40B4-BE49-F238E27FC236}">
                <a16:creationId xmlns:a16="http://schemas.microsoft.com/office/drawing/2014/main" id="{50B15CDD-4D79-4E31-82F8-783CE4DED157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574111" y="3757295"/>
            <a:ext cx="0" cy="111188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dbd591e73d74bddaaed4106f4c72713_Connector1">
            <a:extLst>
              <a:ext uri="{FF2B5EF4-FFF2-40B4-BE49-F238E27FC236}">
                <a16:creationId xmlns:a16="http://schemas.microsoft.com/office/drawing/2014/main" id="{4BE22AE8-21FE-4D50-90A0-8C21C75B9DD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131140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a7974e864412488f9814784d3d385555_Connector1">
            <a:extLst>
              <a:ext uri="{FF2B5EF4-FFF2-40B4-BE49-F238E27FC236}">
                <a16:creationId xmlns:a16="http://schemas.microsoft.com/office/drawing/2014/main" id="{726C2BF4-1257-46BD-A7ED-78F317F8EE4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102180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24461196740749d3bb04db21a71a46c8_Connector1">
            <a:extLst>
              <a:ext uri="{FF2B5EF4-FFF2-40B4-BE49-F238E27FC236}">
                <a16:creationId xmlns:a16="http://schemas.microsoft.com/office/drawing/2014/main" id="{8B64E888-D72C-46BF-BC99-1B742079779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058741" y="5250180"/>
            <a:ext cx="0" cy="412712"/>
          </a:xfrm>
          <a:prstGeom prst="line">
            <a:avLst/>
          </a:prstGeom>
          <a:ln w="9525" cap="flat" cmpd="sng" algn="ctr">
            <a:solidFill>
              <a:srgbClr val="80B9D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0AC12D0-2A26-44D4-8F9C-8343F440EF3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922020" y="4869180"/>
            <a:ext cx="10350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F3A05646-BAAF-483E-8600-79C57CA6EDE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A3748102-619A-49EE-A82B-B22691296B65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67591" y="52501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B8B4B6E-CB69-475F-B7DC-55F5CD8C694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F0C87A-299F-4DC9-B950-3084D526E4A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5520" y="4986655"/>
            <a:ext cx="431800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chemeClr val="lt1"/>
                </a:solidFill>
                <a:latin typeface="Arial" panose="020B0604020202020204" pitchFamily="34" charset="0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285DCF44-3ACC-482D-AB0E-83D84958984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1018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58DD32CC-C520-4190-B2E7-EDE52EDD03B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434841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AC3CC79-CFC4-4B9F-A76D-CD08BD325E4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5950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9B1E43F0-AA30-4445-BF26-A5A8100DB12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88416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2B4BE633-8547-43CB-A14B-BADB00E0C32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608822" y="4986655"/>
            <a:ext cx="67711" cy="14605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7909962-471D-407A-A0A9-08D8FBE3B3FE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64667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5ADEF68-BA68-43FF-8BBA-C529A8AEBDE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37133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46B8D041-F94E-4682-9D98-7DD2350A4D0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6095998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DD7E1E76-C75A-49B2-A6E2-1A85E2617002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820659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3B950DC3-FCEC-4A4F-AAF7-286049CA147A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545320" y="493268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T_a39a480e7fc142db886a11be8571f1bf_Shape">
            <a:extLst>
              <a:ext uri="{FF2B5EF4-FFF2-40B4-BE49-F238E27FC236}">
                <a16:creationId xmlns:a16="http://schemas.microsoft.com/office/drawing/2014/main" id="{284EB640-4F62-4BC1-905B-93713699D568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153920" y="988695"/>
            <a:ext cx="1981200" cy="1778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T_e052e6b8f78f4ec0b2715bd662f4e764_Shape">
            <a:extLst>
              <a:ext uri="{FF2B5EF4-FFF2-40B4-BE49-F238E27FC236}">
                <a16:creationId xmlns:a16="http://schemas.microsoft.com/office/drawing/2014/main" id="{81430982-94D3-4554-80EC-206325C99E2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153920" y="1204595"/>
            <a:ext cx="1231900" cy="1778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731f77eb84bb47c2a57d6b69d89326dd_Shape">
            <a:extLst>
              <a:ext uri="{FF2B5EF4-FFF2-40B4-BE49-F238E27FC236}">
                <a16:creationId xmlns:a16="http://schemas.microsoft.com/office/drawing/2014/main" id="{22D2B581-194E-40FB-AA70-B49836328DA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39441" y="14204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480bc92b397042f5aa3777375864c73e_Shape">
            <a:extLst>
              <a:ext uri="{FF2B5EF4-FFF2-40B4-BE49-F238E27FC236}">
                <a16:creationId xmlns:a16="http://schemas.microsoft.com/office/drawing/2014/main" id="{A3C61E3B-BD06-478A-BFB0-7FEE400A9EF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139441" y="16363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T_317944c6eb7f4fd4aac8414741c6ab1e_Shape">
            <a:extLst>
              <a:ext uri="{FF2B5EF4-FFF2-40B4-BE49-F238E27FC236}">
                <a16:creationId xmlns:a16="http://schemas.microsoft.com/office/drawing/2014/main" id="{204CD70B-3145-4A08-AF83-35894C2A6F9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124961" y="1852295"/>
            <a:ext cx="12319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" name="OTLSHAPE_T_2565f035777c48e3a86bd324696a7776_Shape">
            <a:extLst>
              <a:ext uri="{FF2B5EF4-FFF2-40B4-BE49-F238E27FC236}">
                <a16:creationId xmlns:a16="http://schemas.microsoft.com/office/drawing/2014/main" id="{D80706C4-C2F6-46D0-9F85-C287AABB7511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864101" y="2068195"/>
            <a:ext cx="27178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" name="OTLSHAPE_T_efb57c797e574bcc96684bb74ac7f753_Shape">
            <a:extLst>
              <a:ext uri="{FF2B5EF4-FFF2-40B4-BE49-F238E27FC236}">
                <a16:creationId xmlns:a16="http://schemas.microsoft.com/office/drawing/2014/main" id="{6F71C836-9523-44AF-8EF6-BE305BE885E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588761" y="22840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T_e57b342f71e54000b94a4cd29c7e779a_Shape">
            <a:extLst>
              <a:ext uri="{FF2B5EF4-FFF2-40B4-BE49-F238E27FC236}">
                <a16:creationId xmlns:a16="http://schemas.microsoft.com/office/drawing/2014/main" id="{EF6C2A36-18E5-43EE-8D3B-A62AFF5030F8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081522" y="24999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8" name="OTLSHAPE_T_76a1a839f27c459d85aec5878ef75e28_Shape">
            <a:extLst>
              <a:ext uri="{FF2B5EF4-FFF2-40B4-BE49-F238E27FC236}">
                <a16:creationId xmlns:a16="http://schemas.microsoft.com/office/drawing/2014/main" id="{091E61C8-614A-4FCE-80BC-DA7163184ED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067042" y="27158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6" name="OTLSHAPE_T_2f023e13149b49bbbd07216ba7f962b8_Shape">
            <a:extLst>
              <a:ext uri="{FF2B5EF4-FFF2-40B4-BE49-F238E27FC236}">
                <a16:creationId xmlns:a16="http://schemas.microsoft.com/office/drawing/2014/main" id="{B49FFA96-AC7E-4E36-BDC2-C6D8F223C1C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98942" y="2931795"/>
            <a:ext cx="7493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4" name="OTLSHAPE_T_2f4a19a9f28849a3a19657d38834fda3_Shape">
            <a:extLst>
              <a:ext uri="{FF2B5EF4-FFF2-40B4-BE49-F238E27FC236}">
                <a16:creationId xmlns:a16="http://schemas.microsoft.com/office/drawing/2014/main" id="{B04E3D9D-5A33-4E5A-8997-11E2732BC24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052562" y="3147695"/>
            <a:ext cx="990600" cy="177800"/>
          </a:xfrm>
          <a:prstGeom prst="roundRect">
            <a:avLst/>
          </a:prstGeom>
          <a:solidFill>
            <a:srgbClr val="4467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2" name="OTLSHAPE_T_32143e21de9f4fc7b4a41052d7131caa_Shape">
            <a:extLst>
              <a:ext uri="{FF2B5EF4-FFF2-40B4-BE49-F238E27FC236}">
                <a16:creationId xmlns:a16="http://schemas.microsoft.com/office/drawing/2014/main" id="{DE08CB29-FFA5-4F2F-8E69-E3C2F60129E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139441" y="3363595"/>
            <a:ext cx="44450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0" name="OTLSHAPE_T_7c60e2dc94e348bd8208ac5f0c369f6b_Shape">
            <a:extLst>
              <a:ext uri="{FF2B5EF4-FFF2-40B4-BE49-F238E27FC236}">
                <a16:creationId xmlns:a16="http://schemas.microsoft.com/office/drawing/2014/main" id="{7EED6AC0-6F4A-4B24-A95C-66869CAAF7A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42381" y="3579495"/>
            <a:ext cx="1727200" cy="1778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8" name="OTLSHAPE_T_af49896ddeac4d59a1af0b56f39256a8_Shape">
            <a:extLst>
              <a:ext uri="{FF2B5EF4-FFF2-40B4-BE49-F238E27FC236}">
                <a16:creationId xmlns:a16="http://schemas.microsoft.com/office/drawing/2014/main" id="{49E4D2CB-0509-4804-910B-B287678600D4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574282" y="3795395"/>
            <a:ext cx="2463800" cy="177800"/>
          </a:xfrm>
          <a:prstGeom prst="roundRect">
            <a:avLst/>
          </a:prstGeom>
          <a:solidFill>
            <a:srgbClr val="31A1E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6" name="OTLSHAPE_T_d78c50ec0f8f4741809583ae425ce662_Shape">
            <a:extLst>
              <a:ext uri="{FF2B5EF4-FFF2-40B4-BE49-F238E27FC236}">
                <a16:creationId xmlns:a16="http://schemas.microsoft.com/office/drawing/2014/main" id="{2A7930A7-71B8-4039-9B0E-CA05F4FCB07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298942" y="4011295"/>
            <a:ext cx="1231900" cy="177800"/>
          </a:xfrm>
          <a:prstGeom prst="roundRect">
            <a:avLst/>
          </a:prstGeom>
          <a:solidFill>
            <a:srgbClr val="615B9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a39a480e7fc142db886a11be8571f1bf_ShapePercentage" hidden="1">
            <a:extLst>
              <a:ext uri="{FF2B5EF4-FFF2-40B4-BE49-F238E27FC236}">
                <a16:creationId xmlns:a16="http://schemas.microsoft.com/office/drawing/2014/main" id="{1AD7A754-BF1D-40CD-8D18-9155F8C5855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153920" y="9886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e052e6b8f78f4ec0b2715bd662f4e764_ShapePercentage" hidden="1">
            <a:extLst>
              <a:ext uri="{FF2B5EF4-FFF2-40B4-BE49-F238E27FC236}">
                <a16:creationId xmlns:a16="http://schemas.microsoft.com/office/drawing/2014/main" id="{A33AA11A-1C92-43E2-8C79-9FE12FA26C4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153920" y="12045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731f77eb84bb47c2a57d6b69d89326dd_ShapePercentage" hidden="1">
            <a:extLst>
              <a:ext uri="{FF2B5EF4-FFF2-40B4-BE49-F238E27FC236}">
                <a16:creationId xmlns:a16="http://schemas.microsoft.com/office/drawing/2014/main" id="{7A6E9A6A-DB04-4BEF-B155-E2688E9DE0A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3139441" y="14204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480bc92b397042f5aa3777375864c73e_ShapePercentage" hidden="1">
            <a:extLst>
              <a:ext uri="{FF2B5EF4-FFF2-40B4-BE49-F238E27FC236}">
                <a16:creationId xmlns:a16="http://schemas.microsoft.com/office/drawing/2014/main" id="{B22E41D2-8E30-496D-ACED-CE9F71F4C26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139441" y="1636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317944c6eb7f4fd4aac8414741c6ab1e_ShapePercentage" hidden="1">
            <a:extLst>
              <a:ext uri="{FF2B5EF4-FFF2-40B4-BE49-F238E27FC236}">
                <a16:creationId xmlns:a16="http://schemas.microsoft.com/office/drawing/2014/main" id="{AFF67A55-83A0-40A3-9939-623FE3AFC963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124961" y="18522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2565f035777c48e3a86bd324696a7776_ShapePercentage" hidden="1">
            <a:extLst>
              <a:ext uri="{FF2B5EF4-FFF2-40B4-BE49-F238E27FC236}">
                <a16:creationId xmlns:a16="http://schemas.microsoft.com/office/drawing/2014/main" id="{82EA1B66-059E-4F52-847B-02202103EAE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864101" y="20681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T_efb57c797e574bcc96684bb74ac7f753_ShapePercentage" hidden="1">
            <a:extLst>
              <a:ext uri="{FF2B5EF4-FFF2-40B4-BE49-F238E27FC236}">
                <a16:creationId xmlns:a16="http://schemas.microsoft.com/office/drawing/2014/main" id="{4BEC4409-2D18-454E-BDEC-8D8FA76FBEF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588761" y="22840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e57b342f71e54000b94a4cd29c7e779a_ShapePercentage" hidden="1">
            <a:extLst>
              <a:ext uri="{FF2B5EF4-FFF2-40B4-BE49-F238E27FC236}">
                <a16:creationId xmlns:a16="http://schemas.microsoft.com/office/drawing/2014/main" id="{0B835D95-C50F-4035-B5A4-CA9A217448A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081522" y="24999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76a1a839f27c459d85aec5878ef75e28_ShapePercentage" hidden="1">
            <a:extLst>
              <a:ext uri="{FF2B5EF4-FFF2-40B4-BE49-F238E27FC236}">
                <a16:creationId xmlns:a16="http://schemas.microsoft.com/office/drawing/2014/main" id="{B7C04F40-64F7-444A-90BE-DD08DE8FB62F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067042" y="27158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7" name="OTLSHAPE_T_2f023e13149b49bbbd07216ba7f962b8_ShapePercentage" hidden="1">
            <a:extLst>
              <a:ext uri="{FF2B5EF4-FFF2-40B4-BE49-F238E27FC236}">
                <a16:creationId xmlns:a16="http://schemas.microsoft.com/office/drawing/2014/main" id="{FA8913B9-B089-4B82-ADDC-86A91F21AE9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298942" y="29317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5" name="OTLSHAPE_T_2f4a19a9f28849a3a19657d38834fda3_ShapePercentage" hidden="1">
            <a:extLst>
              <a:ext uri="{FF2B5EF4-FFF2-40B4-BE49-F238E27FC236}">
                <a16:creationId xmlns:a16="http://schemas.microsoft.com/office/drawing/2014/main" id="{F51A549D-5DBF-42F2-9F24-B0E759B02A12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9052562" y="31476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3" name="OTLSHAPE_T_32143e21de9f4fc7b4a41052d7131caa_ShapePercentage" hidden="1">
            <a:extLst>
              <a:ext uri="{FF2B5EF4-FFF2-40B4-BE49-F238E27FC236}">
                <a16:creationId xmlns:a16="http://schemas.microsoft.com/office/drawing/2014/main" id="{36F20FD3-4239-4711-8C61-F092F2E7BFCC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139441" y="33635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1" name="OTLSHAPE_T_7c60e2dc94e348bd8208ac5f0c369f6b_ShapePercentage" hidden="1">
            <a:extLst>
              <a:ext uri="{FF2B5EF4-FFF2-40B4-BE49-F238E27FC236}">
                <a16:creationId xmlns:a16="http://schemas.microsoft.com/office/drawing/2014/main" id="{EFDD9BB6-9E7F-40AE-A1DE-645710268AD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42381" y="35794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9" name="OTLSHAPE_T_af49896ddeac4d59a1af0b56f39256a8_ShapePercentage" hidden="1">
            <a:extLst>
              <a:ext uri="{FF2B5EF4-FFF2-40B4-BE49-F238E27FC236}">
                <a16:creationId xmlns:a16="http://schemas.microsoft.com/office/drawing/2014/main" id="{63BF930D-917F-4780-9818-04C0C480CF13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574282" y="37953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7" name="OTLSHAPE_T_d78c50ec0f8f4741809583ae425ce662_ShapePercentage" hidden="1">
            <a:extLst>
              <a:ext uri="{FF2B5EF4-FFF2-40B4-BE49-F238E27FC236}">
                <a16:creationId xmlns:a16="http://schemas.microsoft.com/office/drawing/2014/main" id="{0DACA6D9-A095-4BC3-AC48-0D6B794645B1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298942" y="401129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a39a480e7fc142db886a11be8571f1bf_Duration" hidden="1">
            <a:extLst>
              <a:ext uri="{FF2B5EF4-FFF2-40B4-BE49-F238E27FC236}">
                <a16:creationId xmlns:a16="http://schemas.microsoft.com/office/drawing/2014/main" id="{08B60141-D058-4CD9-8E3B-7D2541B28CA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47" name="OTLSHAPE_T_a39a480e7fc142db886a11be8571f1bf_StartDate" hidden="1">
            <a:extLst>
              <a:ext uri="{FF2B5EF4-FFF2-40B4-BE49-F238E27FC236}">
                <a16:creationId xmlns:a16="http://schemas.microsoft.com/office/drawing/2014/main" id="{366310C8-B442-4FB4-B4FE-118F67FD473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8" name="OTLSHAPE_T_a39a480e7fc142db886a11be8571f1bf_EndDate" hidden="1">
            <a:extLst>
              <a:ext uri="{FF2B5EF4-FFF2-40B4-BE49-F238E27FC236}">
                <a16:creationId xmlns:a16="http://schemas.microsoft.com/office/drawing/2014/main" id="{BED0840F-ACF3-4AC0-9AF0-E9D182751A6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T_a39a480e7fc142db886a11be8571f1bf_JoinedDate">
            <a:extLst>
              <a:ext uri="{FF2B5EF4-FFF2-40B4-BE49-F238E27FC236}">
                <a16:creationId xmlns:a16="http://schemas.microsoft.com/office/drawing/2014/main" id="{BDBBE67A-F685-499D-A786-79800C5D75E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431036" y="10191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4</a:t>
            </a:r>
          </a:p>
        </p:txBody>
      </p:sp>
      <p:sp>
        <p:nvSpPr>
          <p:cNvPr id="50" name="OTLSHAPE_T_a39a480e7fc142db886a11be8571f1bf_Title">
            <a:extLst>
              <a:ext uri="{FF2B5EF4-FFF2-40B4-BE49-F238E27FC236}">
                <a16:creationId xmlns:a16="http://schemas.microsoft.com/office/drawing/2014/main" id="{243A1D3E-1C78-4CE8-8553-25A79E3C6DE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175590" y="1011872"/>
            <a:ext cx="431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Prepare</a:t>
            </a:r>
          </a:p>
        </p:txBody>
      </p:sp>
      <p:sp>
        <p:nvSpPr>
          <p:cNvPr id="51" name="OTLSHAPE_T_a39a480e7fc142db886a11be8571f1bf_TextPercentage" hidden="1">
            <a:extLst>
              <a:ext uri="{FF2B5EF4-FFF2-40B4-BE49-F238E27FC236}">
                <a16:creationId xmlns:a16="http://schemas.microsoft.com/office/drawing/2014/main" id="{71FB13D1-C55E-46D0-8A32-35A2E691FF1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166620" y="10118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 dirty="0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4" name="OTLSHAPE_T_e052e6b8f78f4ec0b2715bd662f4e764_Duration" hidden="1">
            <a:extLst>
              <a:ext uri="{FF2B5EF4-FFF2-40B4-BE49-F238E27FC236}">
                <a16:creationId xmlns:a16="http://schemas.microsoft.com/office/drawing/2014/main" id="{1594C271-D418-4FED-A1B1-378BABBA6B0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55" name="OTLSHAPE_T_e052e6b8f78f4ec0b2715bd662f4e764_StartDate" hidden="1">
            <a:extLst>
              <a:ext uri="{FF2B5EF4-FFF2-40B4-BE49-F238E27FC236}">
                <a16:creationId xmlns:a16="http://schemas.microsoft.com/office/drawing/2014/main" id="{CF566210-4FB4-4D31-A55D-E0A8A2A075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6" name="OTLSHAPE_T_e052e6b8f78f4ec0b2715bd662f4e764_EndDate" hidden="1">
            <a:extLst>
              <a:ext uri="{FF2B5EF4-FFF2-40B4-BE49-F238E27FC236}">
                <a16:creationId xmlns:a16="http://schemas.microsoft.com/office/drawing/2014/main" id="{B45EB054-5116-4988-AC6C-4D7FD233055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T_e052e6b8f78f4ec0b2715bd662f4e764_JoinedDate">
            <a:extLst>
              <a:ext uri="{FF2B5EF4-FFF2-40B4-BE49-F238E27FC236}">
                <a16:creationId xmlns:a16="http://schemas.microsoft.com/office/drawing/2014/main" id="{27E72B24-792E-4E48-BC9F-03C3CD9311D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431036" y="1235075"/>
            <a:ext cx="6731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4">
                <a:solidFill>
                  <a:schemeClr val="dk2"/>
                </a:solidFill>
                <a:latin typeface="Arial" panose="020B0604020202020204" pitchFamily="34" charset="0"/>
              </a:rPr>
              <a:t>May 28 - Jun 1</a:t>
            </a:r>
          </a:p>
        </p:txBody>
      </p:sp>
      <p:sp>
        <p:nvSpPr>
          <p:cNvPr id="58" name="OTLSHAPE_T_e052e6b8f78f4ec0b2715bd662f4e764_Title">
            <a:extLst>
              <a:ext uri="{FF2B5EF4-FFF2-40B4-BE49-F238E27FC236}">
                <a16:creationId xmlns:a16="http://schemas.microsoft.com/office/drawing/2014/main" id="{C584359C-0527-43C4-83C8-8F50285E964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436450" y="1227772"/>
            <a:ext cx="838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evelop Charter</a:t>
            </a:r>
          </a:p>
        </p:txBody>
      </p:sp>
      <p:sp>
        <p:nvSpPr>
          <p:cNvPr id="59" name="OTLSHAPE_T_e052e6b8f78f4ec0b2715bd662f4e764_TextPercentage" hidden="1">
            <a:extLst>
              <a:ext uri="{FF2B5EF4-FFF2-40B4-BE49-F238E27FC236}">
                <a16:creationId xmlns:a16="http://schemas.microsoft.com/office/drawing/2014/main" id="{5285C3F6-8071-42B8-8834-A019DD5F0E5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2166620" y="12277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2" name="OTLSHAPE_T_731f77eb84bb47c2a57d6b69d89326dd_Duration" hidden="1">
            <a:extLst>
              <a:ext uri="{FF2B5EF4-FFF2-40B4-BE49-F238E27FC236}">
                <a16:creationId xmlns:a16="http://schemas.microsoft.com/office/drawing/2014/main" id="{28C6274B-557B-478D-82F5-CC4CECBD2FA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63" name="OTLSHAPE_T_731f77eb84bb47c2a57d6b69d89326dd_StartDate" hidden="1">
            <a:extLst>
              <a:ext uri="{FF2B5EF4-FFF2-40B4-BE49-F238E27FC236}">
                <a16:creationId xmlns:a16="http://schemas.microsoft.com/office/drawing/2014/main" id="{449C3E79-A3D8-4031-8275-58DC00C9F7F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4" name="OTLSHAPE_T_731f77eb84bb47c2a57d6b69d89326dd_EndDate" hidden="1">
            <a:extLst>
              <a:ext uri="{FF2B5EF4-FFF2-40B4-BE49-F238E27FC236}">
                <a16:creationId xmlns:a16="http://schemas.microsoft.com/office/drawing/2014/main" id="{D951241B-2BF5-46C7-8AE1-11535B4D347D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731f77eb84bb47c2a57d6b69d89326dd_JoinedDate">
            <a:extLst>
              <a:ext uri="{FF2B5EF4-FFF2-40B4-BE49-F238E27FC236}">
                <a16:creationId xmlns:a16="http://schemas.microsoft.com/office/drawing/2014/main" id="{DE1B54DA-1702-4633-91BB-8F00B1198E0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501181" y="14509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3</a:t>
            </a:r>
          </a:p>
        </p:txBody>
      </p:sp>
      <p:sp>
        <p:nvSpPr>
          <p:cNvPr id="66" name="OTLSHAPE_T_731f77eb84bb47c2a57d6b69d89326dd_Title">
            <a:extLst>
              <a:ext uri="{FF2B5EF4-FFF2-40B4-BE49-F238E27FC236}">
                <a16:creationId xmlns:a16="http://schemas.microsoft.com/office/drawing/2014/main" id="{112CCCE4-6ECB-48A4-A4B6-630515BB80F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929210" y="1443672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Draft Scope</a:t>
            </a:r>
          </a:p>
        </p:txBody>
      </p:sp>
      <p:sp>
        <p:nvSpPr>
          <p:cNvPr id="67" name="OTLSHAPE_T_731f77eb84bb47c2a57d6b69d89326dd_TextPercentage" hidden="1">
            <a:extLst>
              <a:ext uri="{FF2B5EF4-FFF2-40B4-BE49-F238E27FC236}">
                <a16:creationId xmlns:a16="http://schemas.microsoft.com/office/drawing/2014/main" id="{B51BD2B0-65B5-42AC-8D5A-27D4BBD185E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152141" y="14436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0" name="OTLSHAPE_T_480bc92b397042f5aa3777375864c73e_Duration" hidden="1">
            <a:extLst>
              <a:ext uri="{FF2B5EF4-FFF2-40B4-BE49-F238E27FC236}">
                <a16:creationId xmlns:a16="http://schemas.microsoft.com/office/drawing/2014/main" id="{A5C031AC-BB57-4802-9055-FEA1A79823A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71" name="OTLSHAPE_T_480bc92b397042f5aa3777375864c73e_StartDate" hidden="1">
            <a:extLst>
              <a:ext uri="{FF2B5EF4-FFF2-40B4-BE49-F238E27FC236}">
                <a16:creationId xmlns:a16="http://schemas.microsoft.com/office/drawing/2014/main" id="{DA934D96-804F-4A1B-A576-17AAB421965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2" name="OTLSHAPE_T_480bc92b397042f5aa3777375864c73e_EndDate" hidden="1">
            <a:extLst>
              <a:ext uri="{FF2B5EF4-FFF2-40B4-BE49-F238E27FC236}">
                <a16:creationId xmlns:a16="http://schemas.microsoft.com/office/drawing/2014/main" id="{9E0A3339-EEC6-47AE-8B5E-482453F8D5A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480bc92b397042f5aa3777375864c73e_JoinedDate">
            <a:extLst>
              <a:ext uri="{FF2B5EF4-FFF2-40B4-BE49-F238E27FC236}">
                <a16:creationId xmlns:a16="http://schemas.microsoft.com/office/drawing/2014/main" id="{657B9E77-88CD-44D8-86B8-1D9718DEAEC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501181" y="16668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4</a:t>
            </a:r>
          </a:p>
        </p:txBody>
      </p:sp>
      <p:sp>
        <p:nvSpPr>
          <p:cNvPr id="74" name="OTLSHAPE_T_480bc92b397042f5aa3777375864c73e_Title">
            <a:extLst>
              <a:ext uri="{FF2B5EF4-FFF2-40B4-BE49-F238E27FC236}">
                <a16:creationId xmlns:a16="http://schemas.microsoft.com/office/drawing/2014/main" id="{C06B891D-C260-4C73-B1CC-2169ED55F68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175590" y="1659572"/>
            <a:ext cx="762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Finalize Scope</a:t>
            </a:r>
          </a:p>
        </p:txBody>
      </p:sp>
      <p:sp>
        <p:nvSpPr>
          <p:cNvPr id="75" name="OTLSHAPE_T_480bc92b397042f5aa3777375864c73e_TextPercentage" hidden="1">
            <a:extLst>
              <a:ext uri="{FF2B5EF4-FFF2-40B4-BE49-F238E27FC236}">
                <a16:creationId xmlns:a16="http://schemas.microsoft.com/office/drawing/2014/main" id="{CFD4F7AA-CA35-4725-A51A-58355BCCA71E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152141" y="16595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8" name="OTLSHAPE_T_317944c6eb7f4fd4aac8414741c6ab1e_Duration" hidden="1">
            <a:extLst>
              <a:ext uri="{FF2B5EF4-FFF2-40B4-BE49-F238E27FC236}">
                <a16:creationId xmlns:a16="http://schemas.microsoft.com/office/drawing/2014/main" id="{78281A8D-1E9F-4AC0-B8F4-5DBA7529885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79" name="OTLSHAPE_T_317944c6eb7f4fd4aac8414741c6ab1e_StartDate" hidden="1">
            <a:extLst>
              <a:ext uri="{FF2B5EF4-FFF2-40B4-BE49-F238E27FC236}">
                <a16:creationId xmlns:a16="http://schemas.microsoft.com/office/drawing/2014/main" id="{23F71667-A9C1-414B-9A07-7C8684981949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0" name="OTLSHAPE_T_317944c6eb7f4fd4aac8414741c6ab1e_EndDate" hidden="1">
            <a:extLst>
              <a:ext uri="{FF2B5EF4-FFF2-40B4-BE49-F238E27FC236}">
                <a16:creationId xmlns:a16="http://schemas.microsoft.com/office/drawing/2014/main" id="{3C168AA2-FA9F-4B77-83A1-76E3320FCD1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317944c6eb7f4fd4aac8414741c6ab1e_JoinedDate">
            <a:extLst>
              <a:ext uri="{FF2B5EF4-FFF2-40B4-BE49-F238E27FC236}">
                <a16:creationId xmlns:a16="http://schemas.microsoft.com/office/drawing/2014/main" id="{38BBFF1F-60E8-4BB7-863B-B63C3E95721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486701" y="1882775"/>
            <a:ext cx="5969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5 - Jun 9</a:t>
            </a:r>
          </a:p>
        </p:txBody>
      </p:sp>
      <p:sp>
        <p:nvSpPr>
          <p:cNvPr id="82" name="OTLSHAPE_T_317944c6eb7f4fd4aac8414741c6ab1e_Title">
            <a:extLst>
              <a:ext uri="{FF2B5EF4-FFF2-40B4-BE49-F238E27FC236}">
                <a16:creationId xmlns:a16="http://schemas.microsoft.com/office/drawing/2014/main" id="{693E48AA-66E1-4A44-8EF1-E49E595BAC29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407490" y="1875472"/>
            <a:ext cx="137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Work Breakdown Structure</a:t>
            </a:r>
          </a:p>
        </p:txBody>
      </p:sp>
      <p:sp>
        <p:nvSpPr>
          <p:cNvPr id="83" name="OTLSHAPE_T_317944c6eb7f4fd4aac8414741c6ab1e_TextPercentage" hidden="1">
            <a:extLst>
              <a:ext uri="{FF2B5EF4-FFF2-40B4-BE49-F238E27FC236}">
                <a16:creationId xmlns:a16="http://schemas.microsoft.com/office/drawing/2014/main" id="{4D7528D7-3E5C-40AE-A4EE-0555EE752FB2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37661" y="18754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6" name="OTLSHAPE_T_2565f035777c48e3a86bd324696a7776_Duration" hidden="1">
            <a:extLst>
              <a:ext uri="{FF2B5EF4-FFF2-40B4-BE49-F238E27FC236}">
                <a16:creationId xmlns:a16="http://schemas.microsoft.com/office/drawing/2014/main" id="{909BBA96-A6BC-47E8-9281-150D12C2EDCF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87" name="OTLSHAPE_T_2565f035777c48e3a86bd324696a7776_StartDate" hidden="1">
            <a:extLst>
              <a:ext uri="{FF2B5EF4-FFF2-40B4-BE49-F238E27FC236}">
                <a16:creationId xmlns:a16="http://schemas.microsoft.com/office/drawing/2014/main" id="{22810500-1292-4AC5-8109-34F229D286C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8" name="OTLSHAPE_T_2565f035777c48e3a86bd324696a7776_EndDate" hidden="1">
            <a:extLst>
              <a:ext uri="{FF2B5EF4-FFF2-40B4-BE49-F238E27FC236}">
                <a16:creationId xmlns:a16="http://schemas.microsoft.com/office/drawing/2014/main" id="{D858C224-AE20-46B6-99F2-B5DC4E0A255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2565f035777c48e3a86bd324696a7776_JoinedDate">
            <a:extLst>
              <a:ext uri="{FF2B5EF4-FFF2-40B4-BE49-F238E27FC236}">
                <a16:creationId xmlns:a16="http://schemas.microsoft.com/office/drawing/2014/main" id="{58E77006-79C9-4F1E-BF93-E24935B0C23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169327" y="20986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8 - Jun 18</a:t>
            </a:r>
          </a:p>
        </p:txBody>
      </p:sp>
      <p:sp>
        <p:nvSpPr>
          <p:cNvPr id="90" name="OTLSHAPE_T_2565f035777c48e3a86bd324696a7776_Title">
            <a:extLst>
              <a:ext uri="{FF2B5EF4-FFF2-40B4-BE49-F238E27FC236}">
                <a16:creationId xmlns:a16="http://schemas.microsoft.com/office/drawing/2014/main" id="{8FEA4B7E-0F07-4DA3-838F-93CA9AE3325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7624911" y="2091372"/>
            <a:ext cx="546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Plan Risks</a:t>
            </a:r>
          </a:p>
        </p:txBody>
      </p:sp>
      <p:sp>
        <p:nvSpPr>
          <p:cNvPr id="91" name="OTLSHAPE_T_2565f035777c48e3a86bd324696a7776_TextPercentage" hidden="1">
            <a:extLst>
              <a:ext uri="{FF2B5EF4-FFF2-40B4-BE49-F238E27FC236}">
                <a16:creationId xmlns:a16="http://schemas.microsoft.com/office/drawing/2014/main" id="{3CE1327C-6B3B-4087-97ED-79A02B28A0B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876801" y="20913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4" name="OTLSHAPE_T_efb57c797e574bcc96684bb74ac7f753_Duration" hidden="1">
            <a:extLst>
              <a:ext uri="{FF2B5EF4-FFF2-40B4-BE49-F238E27FC236}">
                <a16:creationId xmlns:a16="http://schemas.microsoft.com/office/drawing/2014/main" id="{2A6C6A82-2CFA-4AE5-8F89-03CC39679E4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95" name="OTLSHAPE_T_efb57c797e574bcc96684bb74ac7f753_StartDate" hidden="1">
            <a:extLst>
              <a:ext uri="{FF2B5EF4-FFF2-40B4-BE49-F238E27FC236}">
                <a16:creationId xmlns:a16="http://schemas.microsoft.com/office/drawing/2014/main" id="{6D32A05D-E8B6-486A-B3D9-6BE98A78013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6" name="OTLSHAPE_T_efb57c797e574bcc96684bb74ac7f753_EndDate" hidden="1">
            <a:extLst>
              <a:ext uri="{FF2B5EF4-FFF2-40B4-BE49-F238E27FC236}">
                <a16:creationId xmlns:a16="http://schemas.microsoft.com/office/drawing/2014/main" id="{95380CE7-2656-4E81-9705-D27C97725AD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efb57c797e574bcc96684bb74ac7f753_JoinedDate">
            <a:extLst>
              <a:ext uri="{FF2B5EF4-FFF2-40B4-BE49-F238E27FC236}">
                <a16:creationId xmlns:a16="http://schemas.microsoft.com/office/drawing/2014/main" id="{68E32E89-EA58-488F-B92E-A3A7C29E60A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837472" y="23145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5 - Jun 18</a:t>
            </a:r>
          </a:p>
        </p:txBody>
      </p:sp>
      <p:sp>
        <p:nvSpPr>
          <p:cNvPr id="98" name="OTLSHAPE_T_efb57c797e574bcc96684bb74ac7f753_Title">
            <a:extLst>
              <a:ext uri="{FF2B5EF4-FFF2-40B4-BE49-F238E27FC236}">
                <a16:creationId xmlns:a16="http://schemas.microsoft.com/office/drawing/2014/main" id="{C195E88F-5782-4F4E-82D4-9361FEEB0D7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624911" y="2307272"/>
            <a:ext cx="812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Quality</a:t>
            </a:r>
          </a:p>
        </p:txBody>
      </p:sp>
      <p:sp>
        <p:nvSpPr>
          <p:cNvPr id="99" name="OTLSHAPE_T_efb57c797e574bcc96684bb74ac7f753_TextPercentage" hidden="1">
            <a:extLst>
              <a:ext uri="{FF2B5EF4-FFF2-40B4-BE49-F238E27FC236}">
                <a16:creationId xmlns:a16="http://schemas.microsoft.com/office/drawing/2014/main" id="{487C63C4-01B1-45C6-A36B-E9043296EC4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601461" y="23072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2" name="OTLSHAPE_T_e57b342f71e54000b94a4cd29c7e779a_Duration" hidden="1">
            <a:extLst>
              <a:ext uri="{FF2B5EF4-FFF2-40B4-BE49-F238E27FC236}">
                <a16:creationId xmlns:a16="http://schemas.microsoft.com/office/drawing/2014/main" id="{41653B2D-5613-44DC-A16F-D407FB61E76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03" name="OTLSHAPE_T_e57b342f71e54000b94a4cd29c7e779a_StartDate" hidden="1">
            <a:extLst>
              <a:ext uri="{FF2B5EF4-FFF2-40B4-BE49-F238E27FC236}">
                <a16:creationId xmlns:a16="http://schemas.microsoft.com/office/drawing/2014/main" id="{668948B9-04FE-4C9D-9C54-B1B8DA749FB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4" name="OTLSHAPE_T_e57b342f71e54000b94a4cd29c7e779a_EndDate" hidden="1">
            <a:extLst>
              <a:ext uri="{FF2B5EF4-FFF2-40B4-BE49-F238E27FC236}">
                <a16:creationId xmlns:a16="http://schemas.microsoft.com/office/drawing/2014/main" id="{D3097C93-5349-4E5B-985D-77DCB68D637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e57b342f71e54000b94a4cd29c7e779a_JoinedDate">
            <a:extLst>
              <a:ext uri="{FF2B5EF4-FFF2-40B4-BE49-F238E27FC236}">
                <a16:creationId xmlns:a16="http://schemas.microsoft.com/office/drawing/2014/main" id="{5EBEFCB5-AD46-491D-95AC-9F574C40C1CA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330232" y="25304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7 - Jun 20</a:t>
            </a:r>
          </a:p>
        </p:txBody>
      </p:sp>
      <p:sp>
        <p:nvSpPr>
          <p:cNvPr id="106" name="OTLSHAPE_T_e57b342f71e54000b94a4cd29c7e779a_Title">
            <a:extLst>
              <a:ext uri="{FF2B5EF4-FFF2-40B4-BE49-F238E27FC236}">
                <a16:creationId xmlns:a16="http://schemas.microsoft.com/office/drawing/2014/main" id="{5C39F1FD-AF81-4AE4-8E47-873F59A8E8C0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117671" y="2523172"/>
            <a:ext cx="1104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Manage Project Work</a:t>
            </a:r>
          </a:p>
        </p:txBody>
      </p:sp>
      <p:sp>
        <p:nvSpPr>
          <p:cNvPr id="107" name="OTLSHAPE_T_e57b342f71e54000b94a4cd29c7e779a_TextPercentage" hidden="1">
            <a:extLst>
              <a:ext uri="{FF2B5EF4-FFF2-40B4-BE49-F238E27FC236}">
                <a16:creationId xmlns:a16="http://schemas.microsoft.com/office/drawing/2014/main" id="{1B5AB09D-183B-4E45-B2A7-E700B1A6011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094222" y="25231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0" name="OTLSHAPE_T_76a1a839f27c459d85aec5878ef75e28_Duration" hidden="1">
            <a:extLst>
              <a:ext uri="{FF2B5EF4-FFF2-40B4-BE49-F238E27FC236}">
                <a16:creationId xmlns:a16="http://schemas.microsoft.com/office/drawing/2014/main" id="{F5425CB8-6977-4BCB-A272-1BDA72DA692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11" name="OTLSHAPE_T_76a1a839f27c459d85aec5878ef75e28_StartDate" hidden="1">
            <a:extLst>
              <a:ext uri="{FF2B5EF4-FFF2-40B4-BE49-F238E27FC236}">
                <a16:creationId xmlns:a16="http://schemas.microsoft.com/office/drawing/2014/main" id="{27FBB0C4-C0D2-492E-A2F5-983533404F5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2" name="OTLSHAPE_T_76a1a839f27c459d85aec5878ef75e28_EndDate" hidden="1">
            <a:extLst>
              <a:ext uri="{FF2B5EF4-FFF2-40B4-BE49-F238E27FC236}">
                <a16:creationId xmlns:a16="http://schemas.microsoft.com/office/drawing/2014/main" id="{B9A646A3-0B09-42FF-BD18-544729507FE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76a1a839f27c459d85aec5878ef75e28_JoinedDate">
            <a:extLst>
              <a:ext uri="{FF2B5EF4-FFF2-40B4-BE49-F238E27FC236}">
                <a16:creationId xmlns:a16="http://schemas.microsoft.com/office/drawing/2014/main" id="{E497AC0E-5848-4530-A9EC-029D997ED9CA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315753" y="27463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1 - Jun 24</a:t>
            </a:r>
          </a:p>
        </p:txBody>
      </p:sp>
      <p:sp>
        <p:nvSpPr>
          <p:cNvPr id="114" name="OTLSHAPE_T_76a1a839f27c459d85aec5878ef75e28_Title">
            <a:extLst>
              <a:ext uri="{FF2B5EF4-FFF2-40B4-BE49-F238E27FC236}">
                <a16:creationId xmlns:a16="http://schemas.microsoft.com/office/drawing/2014/main" id="{17F8F4BC-AED0-440C-8C2C-1FB195A0045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103191" y="2739072"/>
            <a:ext cx="1041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Financial Adherence</a:t>
            </a:r>
          </a:p>
        </p:txBody>
      </p:sp>
      <p:sp>
        <p:nvSpPr>
          <p:cNvPr id="115" name="OTLSHAPE_T_76a1a839f27c459d85aec5878ef75e28_TextPercentage" hidden="1">
            <a:extLst>
              <a:ext uri="{FF2B5EF4-FFF2-40B4-BE49-F238E27FC236}">
                <a16:creationId xmlns:a16="http://schemas.microsoft.com/office/drawing/2014/main" id="{C001053D-C155-47AD-817E-F6517759159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079742" y="27390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8" name="OTLSHAPE_T_2f023e13149b49bbbd07216ba7f962b8_Duration" hidden="1">
            <a:extLst>
              <a:ext uri="{FF2B5EF4-FFF2-40B4-BE49-F238E27FC236}">
                <a16:creationId xmlns:a16="http://schemas.microsoft.com/office/drawing/2014/main" id="{0E74775B-048E-4BCE-B747-6B4AB016B00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125799"/>
            <a:ext cx="292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 day</a:t>
            </a:r>
          </a:p>
        </p:txBody>
      </p:sp>
      <p:sp>
        <p:nvSpPr>
          <p:cNvPr id="119" name="OTLSHAPE_T_2f023e13149b49bbbd07216ba7f962b8_StartDate" hidden="1">
            <a:extLst>
              <a:ext uri="{FF2B5EF4-FFF2-40B4-BE49-F238E27FC236}">
                <a16:creationId xmlns:a16="http://schemas.microsoft.com/office/drawing/2014/main" id="{F86A614F-8F95-437E-B1E6-38823D65350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0" name="OTLSHAPE_T_2f023e13149b49bbbd07216ba7f962b8_EndDate" hidden="1">
            <a:extLst>
              <a:ext uri="{FF2B5EF4-FFF2-40B4-BE49-F238E27FC236}">
                <a16:creationId xmlns:a16="http://schemas.microsoft.com/office/drawing/2014/main" id="{BBBAC503-2E68-42F5-AC6C-98BCC0E6AF8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1" name="OTLSHAPE_T_2f023e13149b49bbbd07216ba7f962b8_JoinedDate">
            <a:extLst>
              <a:ext uri="{FF2B5EF4-FFF2-40B4-BE49-F238E27FC236}">
                <a16:creationId xmlns:a16="http://schemas.microsoft.com/office/drawing/2014/main" id="{C4DA3C8E-B269-42B0-9435-FEAF4A84A62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547653" y="29622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28</a:t>
            </a:r>
          </a:p>
        </p:txBody>
      </p:sp>
      <p:sp>
        <p:nvSpPr>
          <p:cNvPr id="122" name="OTLSHAPE_T_2f023e13149b49bbbd07216ba7f962b8_Title">
            <a:extLst>
              <a:ext uri="{FF2B5EF4-FFF2-40B4-BE49-F238E27FC236}">
                <a16:creationId xmlns:a16="http://schemas.microsoft.com/office/drawing/2014/main" id="{38B45C01-B38F-426A-AB98-149812EDB63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088711" y="2954972"/>
            <a:ext cx="825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chemeClr val="dk1"/>
                </a:solidFill>
                <a:latin typeface="Arial" panose="020B0604020202020204" pitchFamily="34" charset="0"/>
              </a:rPr>
              <a:t>Close Contracts</a:t>
            </a:r>
          </a:p>
        </p:txBody>
      </p:sp>
      <p:sp>
        <p:nvSpPr>
          <p:cNvPr id="123" name="OTLSHAPE_T_2f023e13149b49bbbd07216ba7f962b8_TextPercentage" hidden="1">
            <a:extLst>
              <a:ext uri="{FF2B5EF4-FFF2-40B4-BE49-F238E27FC236}">
                <a16:creationId xmlns:a16="http://schemas.microsoft.com/office/drawing/2014/main" id="{298685FE-A4B8-442F-8E08-83D558467A2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311642" y="29549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6" name="OTLSHAPE_T_2f4a19a9f28849a3a19657d38834fda3_Duration" hidden="1">
            <a:extLst>
              <a:ext uri="{FF2B5EF4-FFF2-40B4-BE49-F238E27FC236}">
                <a16:creationId xmlns:a16="http://schemas.microsoft.com/office/drawing/2014/main" id="{D7D78DA9-9635-4DC6-9D75-67F0F6465C1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27" name="OTLSHAPE_T_2f4a19a9f28849a3a19657d38834fda3_StartDate" hidden="1">
            <a:extLst>
              <a:ext uri="{FF2B5EF4-FFF2-40B4-BE49-F238E27FC236}">
                <a16:creationId xmlns:a16="http://schemas.microsoft.com/office/drawing/2014/main" id="{AFC98972-6ECA-4845-82F5-066344C48C6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8" name="OTLSHAPE_T_2f4a19a9f28849a3a19657d38834fda3_EndDate" hidden="1">
            <a:extLst>
              <a:ext uri="{FF2B5EF4-FFF2-40B4-BE49-F238E27FC236}">
                <a16:creationId xmlns:a16="http://schemas.microsoft.com/office/drawing/2014/main" id="{DD2F41E5-F628-44CD-AC72-02F40FAA0209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9" name="OTLSHAPE_T_2f4a19a9f28849a3a19657d38834fda3_JoinedDate">
            <a:extLst>
              <a:ext uri="{FF2B5EF4-FFF2-40B4-BE49-F238E27FC236}">
                <a16:creationId xmlns:a16="http://schemas.microsoft.com/office/drawing/2014/main" id="{1A2AB691-4AE3-4404-8FCF-1E4B3ECD81C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8301272" y="31781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5 - Jun 28</a:t>
            </a:r>
          </a:p>
        </p:txBody>
      </p:sp>
      <p:sp>
        <p:nvSpPr>
          <p:cNvPr id="130" name="OTLSHAPE_T_2f4a19a9f28849a3a19657d38834fda3_Title">
            <a:extLst>
              <a:ext uri="{FF2B5EF4-FFF2-40B4-BE49-F238E27FC236}">
                <a16:creationId xmlns:a16="http://schemas.microsoft.com/office/drawing/2014/main" id="{39B66426-EFD3-4EB0-970D-E81ED25814B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088711" y="3170872"/>
            <a:ext cx="1066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chemeClr val="dk1"/>
                </a:solidFill>
                <a:latin typeface="Arial" panose="020B0604020202020204" pitchFamily="34" charset="0"/>
              </a:rPr>
              <a:t>Schedule Adherence</a:t>
            </a:r>
          </a:p>
        </p:txBody>
      </p:sp>
      <p:sp>
        <p:nvSpPr>
          <p:cNvPr id="131" name="OTLSHAPE_T_2f4a19a9f28849a3a19657d38834fda3_TextPercentage" hidden="1">
            <a:extLst>
              <a:ext uri="{FF2B5EF4-FFF2-40B4-BE49-F238E27FC236}">
                <a16:creationId xmlns:a16="http://schemas.microsoft.com/office/drawing/2014/main" id="{2BCE762F-AA54-4900-B95C-F537D4F9561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065262" y="31708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4" name="OTLSHAPE_T_32143e21de9f4fc7b4a41052d7131caa_Duration" hidden="1">
            <a:extLst>
              <a:ext uri="{FF2B5EF4-FFF2-40B4-BE49-F238E27FC236}">
                <a16:creationId xmlns:a16="http://schemas.microsoft.com/office/drawing/2014/main" id="{C8AFC24B-FCD4-4A37-A70D-DF68B40A471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4 days</a:t>
            </a:r>
          </a:p>
        </p:txBody>
      </p:sp>
      <p:sp>
        <p:nvSpPr>
          <p:cNvPr id="135" name="OTLSHAPE_T_32143e21de9f4fc7b4a41052d7131caa_StartDate" hidden="1">
            <a:extLst>
              <a:ext uri="{FF2B5EF4-FFF2-40B4-BE49-F238E27FC236}">
                <a16:creationId xmlns:a16="http://schemas.microsoft.com/office/drawing/2014/main" id="{34899962-6DFB-40B3-8CDC-D137A8D445C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6" name="OTLSHAPE_T_32143e21de9f4fc7b4a41052d7131caa_EndDate" hidden="1">
            <a:extLst>
              <a:ext uri="{FF2B5EF4-FFF2-40B4-BE49-F238E27FC236}">
                <a16:creationId xmlns:a16="http://schemas.microsoft.com/office/drawing/2014/main" id="{3852965E-F7F9-4490-811E-259FCC4E023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7" name="OTLSHAPE_T_32143e21de9f4fc7b4a41052d7131caa_JoinedDate">
            <a:extLst>
              <a:ext uri="{FF2B5EF4-FFF2-40B4-BE49-F238E27FC236}">
                <a16:creationId xmlns:a16="http://schemas.microsoft.com/office/drawing/2014/main" id="{49E010EE-C28B-456A-B5DB-D7AE835D0B69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2444666" y="3394075"/>
            <a:ext cx="6477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 - Jun 18</a:t>
            </a:r>
          </a:p>
        </p:txBody>
      </p:sp>
      <p:sp>
        <p:nvSpPr>
          <p:cNvPr id="138" name="OTLSHAPE_T_32143e21de9f4fc7b4a41052d7131caa_Title">
            <a:extLst>
              <a:ext uri="{FF2B5EF4-FFF2-40B4-BE49-F238E27FC236}">
                <a16:creationId xmlns:a16="http://schemas.microsoft.com/office/drawing/2014/main" id="{3972D8A6-B86C-4A6D-A2E2-488FD0CA9FE0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624911" y="3386772"/>
            <a:ext cx="25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Plan</a:t>
            </a:r>
          </a:p>
        </p:txBody>
      </p:sp>
      <p:sp>
        <p:nvSpPr>
          <p:cNvPr id="139" name="OTLSHAPE_T_32143e21de9f4fc7b4a41052d7131caa_TextPercentage" hidden="1">
            <a:extLst>
              <a:ext uri="{FF2B5EF4-FFF2-40B4-BE49-F238E27FC236}">
                <a16:creationId xmlns:a16="http://schemas.microsoft.com/office/drawing/2014/main" id="{9F45B75F-9451-47A8-8510-224686797E2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3152141" y="33867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42" name="OTLSHAPE_T_7c60e2dc94e348bd8208ac5f0c369f6b_Duration" hidden="1">
            <a:extLst>
              <a:ext uri="{FF2B5EF4-FFF2-40B4-BE49-F238E27FC236}">
                <a16:creationId xmlns:a16="http://schemas.microsoft.com/office/drawing/2014/main" id="{62825FF8-C470-4303-AD22-9E15C8E7383C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43" name="OTLSHAPE_T_7c60e2dc94e348bd8208ac5f0c369f6b_StartDate" hidden="1">
            <a:extLst>
              <a:ext uri="{FF2B5EF4-FFF2-40B4-BE49-F238E27FC236}">
                <a16:creationId xmlns:a16="http://schemas.microsoft.com/office/drawing/2014/main" id="{4D25F305-47E1-4515-84F9-65DE7F22B98F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4" name="OTLSHAPE_T_7c60e2dc94e348bd8208ac5f0c369f6b_EndDate" hidden="1">
            <a:extLst>
              <a:ext uri="{FF2B5EF4-FFF2-40B4-BE49-F238E27FC236}">
                <a16:creationId xmlns:a16="http://schemas.microsoft.com/office/drawing/2014/main" id="{F63D287D-931C-489C-9892-B9DFA7103F7F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5" name="OTLSHAPE_T_7c60e2dc94e348bd8208ac5f0c369f6b_JoinedDate">
            <a:extLst>
              <a:ext uri="{FF2B5EF4-FFF2-40B4-BE49-F238E27FC236}">
                <a16:creationId xmlns:a16="http://schemas.microsoft.com/office/drawing/2014/main" id="{8F6FE726-5A8D-4B12-9A50-3697CE965E2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5591092" y="36099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4 - Jun 20</a:t>
            </a:r>
          </a:p>
        </p:txBody>
      </p:sp>
      <p:sp>
        <p:nvSpPr>
          <p:cNvPr id="146" name="OTLSHAPE_T_7c60e2dc94e348bd8208ac5f0c369f6b_Title">
            <a:extLst>
              <a:ext uri="{FF2B5EF4-FFF2-40B4-BE49-F238E27FC236}">
                <a16:creationId xmlns:a16="http://schemas.microsoft.com/office/drawing/2014/main" id="{913F722D-FA59-4EE1-A267-ED11C523E135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117671" y="3602672"/>
            <a:ext cx="44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6">
                <a:solidFill>
                  <a:schemeClr val="dk1"/>
                </a:solidFill>
                <a:latin typeface="Arial" panose="020B0604020202020204" pitchFamily="34" charset="0"/>
              </a:rPr>
              <a:t>Execute</a:t>
            </a:r>
          </a:p>
        </p:txBody>
      </p:sp>
      <p:sp>
        <p:nvSpPr>
          <p:cNvPr id="147" name="OTLSHAPE_T_7c60e2dc94e348bd8208ac5f0c369f6b_TextPercentage" hidden="1">
            <a:extLst>
              <a:ext uri="{FF2B5EF4-FFF2-40B4-BE49-F238E27FC236}">
                <a16:creationId xmlns:a16="http://schemas.microsoft.com/office/drawing/2014/main" id="{23A7B323-4BB0-41C0-B25A-AFCF319CD48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355081" y="36026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0" name="OTLSHAPE_T_af49896ddeac4d59a1af0b56f39256a8_Duration" hidden="1">
            <a:extLst>
              <a:ext uri="{FF2B5EF4-FFF2-40B4-BE49-F238E27FC236}">
                <a16:creationId xmlns:a16="http://schemas.microsoft.com/office/drawing/2014/main" id="{C999D0BF-DFE1-47A2-9E9F-D9838E3452FB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51" name="OTLSHAPE_T_af49896ddeac4d59a1af0b56f39256a8_StartDate" hidden="1">
            <a:extLst>
              <a:ext uri="{FF2B5EF4-FFF2-40B4-BE49-F238E27FC236}">
                <a16:creationId xmlns:a16="http://schemas.microsoft.com/office/drawing/2014/main" id="{DB0C4359-5636-4B38-96CE-68E5B260D8AD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2" name="OTLSHAPE_T_af49896ddeac4d59a1af0b56f39256a8_EndDate" hidden="1">
            <a:extLst>
              <a:ext uri="{FF2B5EF4-FFF2-40B4-BE49-F238E27FC236}">
                <a16:creationId xmlns:a16="http://schemas.microsoft.com/office/drawing/2014/main" id="{0DA85F2D-8920-44C9-ACDC-0245F190FF3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53" name="OTLSHAPE_T_af49896ddeac4d59a1af0b56f39256a8_JoinedDate">
            <a:extLst>
              <a:ext uri="{FF2B5EF4-FFF2-40B4-BE49-F238E27FC236}">
                <a16:creationId xmlns:a16="http://schemas.microsoft.com/office/drawing/2014/main" id="{2B339C8D-52DA-44CE-833D-450F1459D25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6822992" y="38258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19 - Jun 28</a:t>
            </a:r>
          </a:p>
        </p:txBody>
      </p:sp>
      <p:sp>
        <p:nvSpPr>
          <p:cNvPr id="154" name="OTLSHAPE_T_af49896ddeac4d59a1af0b56f39256a8_Title">
            <a:extLst>
              <a:ext uri="{FF2B5EF4-FFF2-40B4-BE49-F238E27FC236}">
                <a16:creationId xmlns:a16="http://schemas.microsoft.com/office/drawing/2014/main" id="{3CADC112-6E5A-4B8F-B8FB-08526BB8F78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0088711" y="3818572"/>
            <a:ext cx="41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8">
                <a:solidFill>
                  <a:schemeClr val="dk1"/>
                </a:solidFill>
                <a:latin typeface="Arial" panose="020B0604020202020204" pitchFamily="34" charset="0"/>
              </a:rPr>
              <a:t>Monitor</a:t>
            </a:r>
          </a:p>
        </p:txBody>
      </p:sp>
      <p:sp>
        <p:nvSpPr>
          <p:cNvPr id="155" name="OTLSHAPE_T_af49896ddeac4d59a1af0b56f39256a8_TextPercentage" hidden="1">
            <a:extLst>
              <a:ext uri="{FF2B5EF4-FFF2-40B4-BE49-F238E27FC236}">
                <a16:creationId xmlns:a16="http://schemas.microsoft.com/office/drawing/2014/main" id="{44851ED0-11AF-4D77-8BCB-FFBB4EDD0DF9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586982" y="38185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58" name="OTLSHAPE_T_d78c50ec0f8f4741809583ae425ce662_Duration" hidden="1">
            <a:extLst>
              <a:ext uri="{FF2B5EF4-FFF2-40B4-BE49-F238E27FC236}">
                <a16:creationId xmlns:a16="http://schemas.microsoft.com/office/drawing/2014/main" id="{49AD6E2A-46F7-451D-9CCA-E63EBA55B0F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59" name="OTLSHAPE_T_d78c50ec0f8f4741809583ae425ce662_StartDate" hidden="1">
            <a:extLst>
              <a:ext uri="{FF2B5EF4-FFF2-40B4-BE49-F238E27FC236}">
                <a16:creationId xmlns:a16="http://schemas.microsoft.com/office/drawing/2014/main" id="{E9B23621-3411-4EDC-86F0-A2631AECE38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0" name="OTLSHAPE_T_d78c50ec0f8f4741809583ae425ce662_EndDate" hidden="1">
            <a:extLst>
              <a:ext uri="{FF2B5EF4-FFF2-40B4-BE49-F238E27FC236}">
                <a16:creationId xmlns:a16="http://schemas.microsoft.com/office/drawing/2014/main" id="{3D039486-0D9E-4C84-BD40-C55835F1CD4D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8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61" name="OTLSHAPE_T_d78c50ec0f8f4741809583ae425ce662_JoinedDate">
            <a:extLst>
              <a:ext uri="{FF2B5EF4-FFF2-40B4-BE49-F238E27FC236}">
                <a16:creationId xmlns:a16="http://schemas.microsoft.com/office/drawing/2014/main" id="{77023B0D-9CAE-479F-A953-B8A7E42B9BA7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8547653" y="4041775"/>
            <a:ext cx="7112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spc="-6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62" name="OTLSHAPE_T_d78c50ec0f8f4741809583ae425ce662_Title">
            <a:extLst>
              <a:ext uri="{FF2B5EF4-FFF2-40B4-BE49-F238E27FC236}">
                <a16:creationId xmlns:a16="http://schemas.microsoft.com/office/drawing/2014/main" id="{565972D4-3297-41E8-A980-4139DBC234B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0581471" y="4034472"/>
            <a:ext cx="317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i="1" u="sng" spc="-10">
                <a:solidFill>
                  <a:schemeClr val="dk1"/>
                </a:solidFill>
                <a:latin typeface="Arial" panose="020B0604020202020204" pitchFamily="34" charset="0"/>
              </a:rPr>
              <a:t>Close</a:t>
            </a:r>
          </a:p>
        </p:txBody>
      </p:sp>
      <p:sp>
        <p:nvSpPr>
          <p:cNvPr id="163" name="OTLSHAPE_T_d78c50ec0f8f4741809583ae425ce662_TextPercentage" hidden="1">
            <a:extLst>
              <a:ext uri="{FF2B5EF4-FFF2-40B4-BE49-F238E27FC236}">
                <a16:creationId xmlns:a16="http://schemas.microsoft.com/office/drawing/2014/main" id="{85C94240-B829-4A7B-A527-88A0A302E177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9311642" y="4034472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34" name="OTLSHAPE_M_79a45262a98b4a84b8458c959701db32_Shape">
            <a:extLst>
              <a:ext uri="{FF2B5EF4-FFF2-40B4-BE49-F238E27FC236}">
                <a16:creationId xmlns:a16="http://schemas.microsoft.com/office/drawing/2014/main" id="{BF1331C1-96E3-43AE-B178-CAF28C53974B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 rot="16200000">
            <a:off x="9823281" y="4456468"/>
            <a:ext cx="190500" cy="190500"/>
          </a:xfrm>
          <a:prstGeom prst="flowChartMerg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M_cdbd591e73d74bddaaed4106f4c72713_Shape">
            <a:extLst>
              <a:ext uri="{FF2B5EF4-FFF2-40B4-BE49-F238E27FC236}">
                <a16:creationId xmlns:a16="http://schemas.microsoft.com/office/drawing/2014/main" id="{1A0D68B2-5CEC-4179-AC66-3472DA06CB15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 rot="16200000">
            <a:off x="4156540" y="5479453"/>
            <a:ext cx="190500" cy="190500"/>
          </a:xfrm>
          <a:prstGeom prst="flowChartMerge">
            <a:avLst/>
          </a:prstGeom>
          <a:solidFill>
            <a:srgbClr val="6EAE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" name="OTLSHAPE_M_a7974e864412488f9814784d3d385555_Shape">
            <a:extLst>
              <a:ext uri="{FF2B5EF4-FFF2-40B4-BE49-F238E27FC236}">
                <a16:creationId xmlns:a16="http://schemas.microsoft.com/office/drawing/2014/main" id="{BABD1F41-2FAB-4DEC-AA98-5D47410F1C65}"/>
              </a:ext>
            </a:extLst>
          </p:cNvPr>
          <p:cNvSpPr/>
          <p:nvPr>
            <p:custDataLst>
              <p:tags r:id="rId154"/>
            </p:custDataLst>
          </p:nvPr>
        </p:nvSpPr>
        <p:spPr>
          <a:xfrm rot="16200000">
            <a:off x="6127580" y="5479453"/>
            <a:ext cx="190500" cy="1905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3" name="OTLSHAPE_M_24461196740749d3bb04db21a71a46c8_Shape">
            <a:extLst>
              <a:ext uri="{FF2B5EF4-FFF2-40B4-BE49-F238E27FC236}">
                <a16:creationId xmlns:a16="http://schemas.microsoft.com/office/drawing/2014/main" id="{59F6F566-7BD9-4B88-A414-B7DA6454E7E1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 rot="16200000">
            <a:off x="9084141" y="5479453"/>
            <a:ext cx="190500" cy="190500"/>
          </a:xfrm>
          <a:prstGeom prst="flowChartMerge">
            <a:avLst/>
          </a:prstGeom>
          <a:solidFill>
            <a:srgbClr val="C2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79a45262a98b4a84b8458c959701db32_Title">
            <a:extLst>
              <a:ext uri="{FF2B5EF4-FFF2-40B4-BE49-F238E27FC236}">
                <a16:creationId xmlns:a16="http://schemas.microsoft.com/office/drawing/2014/main" id="{B0E45E83-E0A0-426D-9451-61F12AB242EE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0038470" y="4392295"/>
            <a:ext cx="876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Project Sign-Off</a:t>
            </a:r>
          </a:p>
        </p:txBody>
      </p:sp>
      <p:sp>
        <p:nvSpPr>
          <p:cNvPr id="33" name="OTLSHAPE_M_79a45262a98b4a84b8458c959701db32_Date">
            <a:extLst>
              <a:ext uri="{FF2B5EF4-FFF2-40B4-BE49-F238E27FC236}">
                <a16:creationId xmlns:a16="http://schemas.microsoft.com/office/drawing/2014/main" id="{AE511212-64B6-4B7B-A052-45FD16E9588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0038470" y="453644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7</a:t>
            </a:r>
          </a:p>
        </p:txBody>
      </p:sp>
      <p:sp>
        <p:nvSpPr>
          <p:cNvPr id="35" name="OTLSHAPE_M_cdbd591e73d74bddaaed4106f4c72713_Title">
            <a:extLst>
              <a:ext uri="{FF2B5EF4-FFF2-40B4-BE49-F238E27FC236}">
                <a16:creationId xmlns:a16="http://schemas.microsoft.com/office/drawing/2014/main" id="{07791CE4-9255-4A6B-B1C1-B20B1DABD11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4371729" y="5595620"/>
            <a:ext cx="1384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chemeClr val="dk1"/>
                </a:solidFill>
                <a:latin typeface="Arial" panose="020B0604020202020204" pitchFamily="34" charset="0"/>
              </a:rPr>
              <a:t>Present Project Schedule</a:t>
            </a:r>
          </a:p>
        </p:txBody>
      </p:sp>
      <p:sp>
        <p:nvSpPr>
          <p:cNvPr id="36" name="OTLSHAPE_M_cdbd591e73d74bddaaed4106f4c72713_Date">
            <a:extLst>
              <a:ext uri="{FF2B5EF4-FFF2-40B4-BE49-F238E27FC236}">
                <a16:creationId xmlns:a16="http://schemas.microsoft.com/office/drawing/2014/main" id="{6C8DA62B-2E41-43AC-9782-44DC128E445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4371729" y="5466080"/>
            <a:ext cx="2540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4</a:t>
            </a:r>
          </a:p>
        </p:txBody>
      </p:sp>
      <p:sp>
        <p:nvSpPr>
          <p:cNvPr id="38" name="OTLSHAPE_M_a7974e864412488f9814784d3d385555_Title">
            <a:extLst>
              <a:ext uri="{FF2B5EF4-FFF2-40B4-BE49-F238E27FC236}">
                <a16:creationId xmlns:a16="http://schemas.microsoft.com/office/drawing/2014/main" id="{29290BD6-576E-471D-B034-AD5D397B827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6342769" y="5595620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>
                <a:solidFill>
                  <a:schemeClr val="dk1"/>
                </a:solidFill>
                <a:latin typeface="Arial" panose="020B0604020202020204" pitchFamily="34" charset="0"/>
              </a:rPr>
              <a:t>Budget Due</a:t>
            </a:r>
          </a:p>
        </p:txBody>
      </p:sp>
      <p:sp>
        <p:nvSpPr>
          <p:cNvPr id="39" name="OTLSHAPE_M_a7974e864412488f9814784d3d385555_Date">
            <a:extLst>
              <a:ext uri="{FF2B5EF4-FFF2-40B4-BE49-F238E27FC236}">
                <a16:creationId xmlns:a16="http://schemas.microsoft.com/office/drawing/2014/main" id="{D62FF422-5BFE-4E97-A7B3-59F50476EAB6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6342769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41" name="OTLSHAPE_M_24461196740749d3bb04db21a71a46c8_Title">
            <a:extLst>
              <a:ext uri="{FF2B5EF4-FFF2-40B4-BE49-F238E27FC236}">
                <a16:creationId xmlns:a16="http://schemas.microsoft.com/office/drawing/2014/main" id="{F86277CF-8485-4D5D-B66B-B83ECAD0D1C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9299330" y="5595620"/>
            <a:ext cx="1092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1"/>
                </a:solidFill>
                <a:latin typeface="Arial" panose="020B0604020202020204" pitchFamily="34" charset="0"/>
              </a:rPr>
              <a:t>Stakeholder Review</a:t>
            </a:r>
          </a:p>
        </p:txBody>
      </p:sp>
      <p:sp>
        <p:nvSpPr>
          <p:cNvPr id="42" name="OTLSHAPE_M_24461196740749d3bb04db21a71a46c8_Date">
            <a:extLst>
              <a:ext uri="{FF2B5EF4-FFF2-40B4-BE49-F238E27FC236}">
                <a16:creationId xmlns:a16="http://schemas.microsoft.com/office/drawing/2014/main" id="{2F6B75A8-F71C-4299-BBCA-795A800EF22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9299330" y="5466080"/>
            <a:ext cx="3175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chemeClr val="dk2"/>
                </a:solidFill>
                <a:latin typeface="Arial" panose="020B0604020202020204" pitchFamily="34" charset="0"/>
              </a:rPr>
              <a:t>Jun 24</a:t>
            </a:r>
          </a:p>
        </p:txBody>
      </p:sp>
      <p:sp>
        <p:nvSpPr>
          <p:cNvPr id="164" name="Footer Placeholder 209">
            <a:extLst>
              <a:ext uri="{FF2B5EF4-FFF2-40B4-BE49-F238E27FC236}">
                <a16:creationId xmlns:a16="http://schemas.microsoft.com/office/drawing/2014/main" id="{B41B4127-3E9F-49EF-B041-DEDF9C4D36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284364" y="6426517"/>
            <a:ext cx="2940849" cy="291783"/>
          </a:xfrm>
        </p:spPr>
        <p:txBody>
          <a:bodyPr/>
          <a:lstStyle/>
          <a:p>
            <a:r>
              <a:rPr lang="en-GB" sz="700" dirty="0"/>
              <a:t>https://www.officetimeline.com/gantt-chart-template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A19209C6-FCCB-4A02-BA78-88C01DAE4858}"/>
              </a:ext>
            </a:extLst>
          </p:cNvPr>
          <p:cNvSpPr txBox="1"/>
          <p:nvPr/>
        </p:nvSpPr>
        <p:spPr>
          <a:xfrm>
            <a:off x="3139441" y="279918"/>
            <a:ext cx="608313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roject outline PowerPoint Gantt chart template </a:t>
            </a:r>
            <a:endParaRPr lang="es-E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976772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A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zLCJBYnNvbHV0ZVBvc2l0aW9uIjozODMuN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eyIkaWQiOiIxMzciLCJMaW5lQ29sb3IiOm51bGwsIkxpbmVXZWlnaHQiOjAuMCwiTGluZVR5cGUiOjAsIlBhcmVudFN0eWxlIjpudWxsfS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Ni0zMFQyMzo1OTowMCIsIkZvcm1hdCI6InciLCJUeXBlIjoxLCJBdXRvRGF0ZVJhbmdlIjp0cnVlLCJXb3JraW5nRGF5cyI6MzEsIkZpc2NhbFllYXIiOnsiJGlkIjoiMTY3IiwiU3RhcnRNb250aCI6MSwiVXNlU3RhcnRpbmdZZWFyRm9yTnVtYmVyaW5nIjp0cnVlLCJTaG93RmlzY2FsWWVhckxhYmVsIjp0cnVlfSwiVG9kYXlNYXJrZXJUZXh0IjoiVG9kYXkiLCJBdXRvU2NhbGVUeXBlIjp0cnVlfSwiTWlsZXN0b25lcyI6W3siJGlkIjoiMTY4IiwiRGF0ZSI6IjIwMjEtMDYtMDRUMjM6NTk6MDAiLCJTdHlsZSI6eyIkaWQiOiIxNjkiLCJTaGFwZSI6Mi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xMjgsIkciOjE4NSwiQiI6MjIyfX0sIkxpbmVXZWlnaHQiOjEuMCwiTGluZVR5cGUiOjAsIlBhcmVudFN0eWxlIjpudWxsfSwiSXNCZWxvd1RpbWViYW5kIjp0cnVlLCJQb3NpdGlvbk9uVGFzayI6MCwiSGlkZURhdGUiOmZhbHNlLCJTaGFwZVNpemUiOjM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OC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A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czIn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gsIkZvbnROYW1lIjoiQXJpYWwiLCJJc0JvbGQiOmZhbHNlLCJJc0l0YWxpYyI6ZmFsc2UsIklzVW5kZXJsaW5lZCI6ZmFsc2UsIlBhcmVudFN0eWxlIjpudWxsfSwiQXV0b1NpemUiOjAsIkZvcmVncm91bmQiOnsiJGlkIjoiMjQ3IiwiQ29sb3IiOnsiJHJlZiI6Ijc3In19LCJNYXhXaWR0aCI6MjAwLjAsIk1heEhlaWdodCI6IkluZmluaXR5IiwiU21hcnRGb3JlZ3JvdW5kSXNBY3RpdmUiOmZhbHNlLCJIb3Jpem9udGFsQWxpZ25tZW50Ijow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wIn0sIklzVmlzaWJsZSI6dHJ1ZSwiV2lkdGgiOjAuMCwiSGVpZ2h0IjowLjAsIkJvcmRlclN0eWxlIjp7IiRpZCI6IjI1MCIsIkxpbmVDb2xvciI6bnVsbCwiTGluZVdlaWdodCI6MC4wLCJMaW5lVHlwZSI6MCwiUGFyZW50U3R5bGUiOm51bGx9LCJQYXJlbnRTdHlsZSI6bnVsbH0sIkRhdGVGb3JtYXQiOnsiJGlkIjoiMjU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4MCJ9LCJJc1Zpc2libGUiOnRydWUsIldpZHRoIjowLjAsIkhlaWdodCI6MC4wLCJCb3JkZXJTdHlsZSI6eyIkaWQiOiIyNzkiLCJMaW5lQ29sb3IiOm51bGwsIkxpbmVXZWlnaHQiOjAuMCwiTGluZVR5cGUiOjAsIlBhcmVudFN0eWxlIjpudWxsfSwiUGFyZW50U3R5bGUiOm51bGx9LCJEYXRlRm9ybWF0Ijp7IiRpZCI6IjI4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jg4IiwiVG9wIjowLCJMZWZ0IjowLCJSaWdodCI6MCwiQm90dG9tIjowfSwiUGFkZGluZyI6eyIkaWQiOiIyODkiLCJUb3AiOjAsIkxlZnQiOjAsIlJpZ2h0IjowLCJCb3R0b20iOjB9LCJCYWNrZ3JvdW5kIjp7IiRyZWYiOiI5MS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5MSJ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OSwiRm9udE5hbWUiOiJBcmlhbCIsIklzQm9sZCI6ZmFsc2UsIklzSXRhbGljIjpmYWxzZSwiSXNVbmRlcmxpbmVkIjpmYWxzZSwiUGFyZW50U3R5bGUiOm51bGx9LCJBdXRvU2l6ZSI6MCwiRm9yZWdyb3VuZCI6eyIkaWQiOiIzMzAiLCJDb2xvciI6eyIkcmVmIjoiOTUifX0sIk1heFdpZHRoIjo5Nj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Tgi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cmVmIjoiMTAwIn0sIkxpbmVXZWlnaHQiOjEuMCwiTGluZVR5cGUiOjAsIlBhcmVudFN0eWxlIjpudWxsfSwiVmVydGljYWxDb25uZWN0b3JTdHlsZSI6eyIkaWQiOiIzMzU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5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gsIkZvbnROYW1lIjoiQXJpYWwiLCJJc0JvbGQiOmZhbHNlLCJJc0l0YWxpYyI6ZmFsc2UsIklzVW5kZXJsaW5lZCI6ZmFsc2UsIlBhcmVudFN0eWxlIjpudWxsfSwiQXV0b1NpemUiOjAsIkZvcmVncm91bmQiOnsiJGlkIjoiMzUwIiwiQ29sb3IiOnsiJHJlZiI6IjEyMyJ9fSwiTWF4V2lkdGgiOjk2MC4wLCJNYXhIZWlnaHQiOiJJbmZpbml0eSIsIlNtYXJ0Rm9yZWdyb3VuZElzQWN0aXZlIjpmYWxzZSwiSG9yaXpvbnRhbEFsaWdubWVudCI6Mi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YifSwiSXNWaXNpYmxlIjp0cnVlLCJXaWR0aCI6MC4wLCJIZWlnaHQiOjAuMCwiQm9yZGVyU3R5bGUiOnsiJGlkIjoiMzUzIiwiTGluZUNvbG9yIjpudWxsLCJMaW5lV2VpZ2h0IjowLjAsIkxpbmVUeXBlIjowLCJQYXJlbnRTdHlsZSI6bnVsbH0sIlBhcmVudFN0eWxlIjpudWxsfSwiRGF0ZUZvcm1hdCI6eyIkaWQiOiIz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k4In0sIklzVmlzaWJsZSI6dHJ1ZSwiV2lkdGgiOjAuMCwiSGVpZ2h0IjowLjAsIkJvcmRlclN0eWxlIjp7IiRpZCI6IjM3MCIsIkxpbmVDb2xvciI6bnVsbCwiTGluZVdlaWdodCI6MC4wLCJMaW5lVHlwZSI6MCwiUGFyZW50U3R5bGUiOm51bGx9LCJQYXJlbnRTdHlsZSI6bnVsbH0sIkhvcml6b250YWxDb25uZWN0b3JTdHlsZSI6eyIkaWQiOiIzNzEiLCJMaW5lQ29sb3IiOnsiJHJlZiI6IjEwMCJ9LCJMaW5lV2VpZ2h0IjoxLjAsIkxpbmVUeXBlIjowLCJQYXJlbnRTdHlsZSI6bnVsbH0sIlZlcnRpY2FsQ29ubmVjdG9yU3R5bGUiOnsiJGlkIjoiMzcy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MTE5In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k4In0sIklzVmlzaWJsZSI6dHJ1ZSwiV2lkdGgiOjAuMCwiSGVpZ2h0IjowLjAsIkJvcmRlclN0eWxlIjp7IiRpZCI6IjU1NSIsIkxpbmVDb2xvciI6bnVsbCwiTGluZVdlaWdodCI6MC4wLCJMaW5lVHlwZSI6MCwiUGFyZW50U3R5bGUiOm51bGx9LCJQYXJlbnRTdHlsZSI6bnVsbH0sIkhvcml6b250YWxDb25uZWN0b3JTdHlsZSI6eyIkaWQiOiI1NTYiLCJMaW5lQ29sb3IiOnsiJHJlZiI6IjEwMCJ9LCJMaW5lV2VpZ2h0IjoxLjAsIkxpbmVUeXBlIjowLCJQYXJlbnRTdHlsZSI6bnVsbH0sIlZlcnRpY2FsQ29ubmVjdG9yU3R5bGUiOnsiJGlkIjoiNTU3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OTgifSwiSXNWaXNpYmxlIjp0cnVlLCJXaWR0aCI6MC4wLCJIZWlnaHQiOjAuMCwiQm9yZGVyU3R5bGUiOnsiJGlkIjoiNjY2IiwiTGluZUNvbG9yIjpudWxsLCJMaW5lV2VpZ2h0IjowLjAsIkxpbmVUeXBlIjowLCJQYXJlbnRTdHlsZSI6bnVsbH0sIlBhcmVudFN0eWxlIjpudWxsfSwiSG9yaXpvbnRhbENvbm5lY3RvclN0eWxlIjp7IiRpZCI6IjY2NyIsIkxpbmVDb2xvciI6eyIkcmVmIjoiMTAwIn0sIkxpbmVXZWlnaHQiOjEuMCwiTGluZVR5cGUiOjAsIlBhcmVudFN0eWxlIjpudWxsfSwiVmVydGljYWxDb25uZWN0b3JTdHlsZSI6eyIkaWQiOiI2Njg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NzcxIiwiVG9wIjowLCJMZWZ0IjowLCJSaWdodCI6MCwiQm90dG9tIjowfSwiUGFkZGluZyI6eyIkaWQiOiI3NzIiLCJUb3AiOjAsIkxlZnQiOjAsIlJpZ2h0IjowLCJCb3R0b20iOjB9LCJCYWNrZ3JvdW5kIjp7IiRpZCI6Ijc3MyIsIkNvbG9yIjp7IiRyZWYiOiI3MzUifX0sIklzVmlzaWJsZSI6dHJ1ZSwiV2lkdGgiOjAuMCwiSGVpZ2h0IjowLjAsIkJvcmRlclN0eWxlIjp7IiRpZCI6Ijc3NCIsIkxpbmVDb2xvciI6bnVsbCwiTGluZVdlaWdodCI6MC4wLCJMaW5lVHlwZSI6MCwiUGFyZW50U3R5bGUiOm51bGx9LCJQYXJlbnRTdHlsZSI6bnVsbH0sIkRhdGVGb3JtYXQiOnsiJGlkIjoiNzc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xNSIsIlRvcCI6MCwiTGVmdCI6MCwiUmlnaHQiOjAsIkJvdHRvbSI6MH0sIlBhZGRpbmciOnsiJGlkIjoiODE2IiwiVG9wIjowLCJMZWZ0IjowLCJSaWdodCI6MCwiQm90dG9tIjowfSwiQmFja2dyb3VuZCI6eyIkaWQiOiI4MTciLCJDb2xvciI6eyIkcmVmIjoiNzg3In19LCJJc1Zpc2libGUiOnRydWUsIldpZHRoIjowLjAsIkhlaWdodCI6MC4wLCJCb3JkZXJTdHlsZSI6eyIkaWQiOiI4MTgiLCJMaW5lQ29sb3IiOm51bGwsIkxpbmVXZWlnaHQiOjAuMCwiTGluZVR5cGUiOjAsIlBhcmVudFN0eWxlIjpudWxsfSwiUGFyZW50U3R5bGUiOm51bGx9LCJEYXRl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DIzIiwiVG9wIjowLCJMZWZ0IjowLCJSaWdodCI6MCwiQm90dG9tIjowfSwiUGFkZGluZyI6eyIkaWQiOiI4MjQiLCJUb3AiOjAsIkxlZnQiOjAsIlJpZ2h0IjowLCJCb3R0b20iOjB9LCJCYWNrZ3JvdW5kIjp7IiRpZCI6IjgyNSIsIkNvbG9yIjp7IiRyZWYiOiI3ODcifX0sIklzVmlzaWJsZSI6dHJ1ZSwiV2lkdGgiOjAuMCwiSGVpZ2h0IjowLjAsIkJvcmRlclN0eWxlIjp7IiRpZCI6IjgyNiIsIkxpbmVDb2xvciI6bnVsbCwiTGluZVdlaWdodCI6MC4wLCJMaW5lVHlwZSI6MCwiUGFyZW50U3R5bGUiOm51bGx9LCJQYXJlbnRTdHlsZSI6bnVsbH0sIkRhdGVGb3JtYXQiOnsiJGlkIjoiOD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Dc1IiwiVG9wIjowLCJMZWZ0IjowLCJSaWdodCI6MCwiQm90dG9tIjowfSwiUGFkZGluZyI6eyIkaWQiOiI4NzYiLCJUb3AiOjAsIkxlZnQiOjAsIlJpZ2h0IjowLCJCb3R0b20iOjB9LCJCYWNrZ3JvdW5kIjp7IiRpZCI6Ijg3NyIsIkNvbG9yIjp7IiRyZWYiOiI4MzkifX0sIklzVmlzaWJsZSI6dHJ1ZSwiV2lkdGgiOjAuMCwiSGVpZ2h0IjowLjAsIkJvcmRlclN0eWxlIjp7IiRpZCI6Ijg3OCIsIkxpbmVDb2xvciI6bnVsbCwiTGluZVdlaWdodCI6MC4wLCJMaW5lVHlwZSI6MCwiUGFyZW50U3R5bGUiOm51bGx9LCJQYXJlbnRTdHlsZSI6bnVsbH0sIkRhdGVGb3JtYXQiOnsiJGlkIjoiODc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AwMSIsIlRvcCI6MCwiTGVmdCI6MCwiUmlnaHQiOjAsIkJvdHRvbSI6MH0sIlBhZGRpbmciOnsiJGlkIjoiMTAwMiIsIlRvcCI6MCwiTGVmdCI6MCwiUmlnaHQiOjAsIkJvdHRvbSI6MH0sIkJhY2tncm91bmQiOnsiJGlkIjoiMTAwMyIsIkNvbG9yIjp7IiRyZWYiOiI5NjUifX0sIklzVmlzaWJsZSI6dHJ1ZSwiV2lkdGgiOjAuMCwiSGVpZ2h0IjowLjAsIkJvcmRlclN0eWxlIjp7IiRpZCI6IjEwMDQiLCJMaW5lQ29sb3IiOm51bGwsIkxpbmVXZWlnaHQiOjAuMCwiTGluZVR5cGUiOjAsIlBhcmVudFN0eWxlIjpudWxsfSwiUGFyZW50U3R5bGUiOm51bGx9LCJEYXRlRm9ybWF0Ijp7IiRpZCI6IjEwMD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UxIiwiVXNlVGltZSI6ZmFsc2UsIldvcmtEYXlTdGFydCI6IjAwOjAwOjAwIiwiV29ya0RheUVuZCI6IjIzOjU5OjAwIn0sIkxhc3RVc2VkVGVtcGxhdGVJZCI6ImIxMzY4MmZlLTI0MDMtNDEyYS05MjllLTkxZTcwY2VkNWFkZ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ign-Off"/>
  <p:tag name="OTLDATE" val="2021-06-27T23:59:00.0000000"/>
  <p:tag name="OTLPOSITIONONTASK" val="None"/>
  <p:tag name="OTLRELATEDTASKID" val="00000000-0000-0000-0000-00000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esent Project Schedule"/>
  <p:tag name="OTLDATE" val="2021-06-04T23:59:00.0000000"/>
  <p:tag name="OTLPOSITIONONTASK" val="None"/>
  <p:tag name="OTLRELATEDTASKID" val="00000000-0000-0000-0000-000000000000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udget Due"/>
  <p:tag name="OTLDATE" val="2021-06-12T23:59:00.0000000"/>
  <p:tag name="OTLPOSITIONONTASK" val="None"/>
  <p:tag name="OTLRELATEDTASKID" val="00000000-0000-0000-0000-000000000000"/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keholder Review"/>
  <p:tag name="OTLDATE" val="2021-06-24T23:59:00.0000000"/>
  <p:tag name="OTLPOSITIONONTASK" val="None"/>
  <p:tag name="OTLRELATEDTASKID" val="00000000-0000-0000-0000-000000000000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Weeks"/>
  <p:tag name="OTLTIMEBANDSCALEFORMAT" val="w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1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8T00:00:00.0000000Z"/>
  <p:tag name="OTLENDDATE" val="2021-06-0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8T00:00:00.0000000Z"/>
  <p:tag name="OTLENDDATE" val="2021-06-01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Z"/>
  <p:tag name="OTLENDDATE" val="2021-06-09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8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7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1T00:00:00.0000000Z"/>
  <p:tag name="OTLENDDATE" val="2021-06-24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5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9T00:00:00.0000000Z"/>
  <p:tag name="OTLENDDATE" val="2021-06-2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3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</TotalTime>
  <Words>204</Words>
  <Application>Microsoft Office PowerPoint</Application>
  <PresentationFormat>Widescreen</PresentationFormat>
  <Paragraphs>7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Anastasiya Stepanets</cp:lastModifiedBy>
  <cp:revision>1</cp:revision>
  <dcterms:created xsi:type="dcterms:W3CDTF">2020-12-03T15:12:51Z</dcterms:created>
  <dcterms:modified xsi:type="dcterms:W3CDTF">2021-03-03T12:24:37Z</dcterms:modified>
</cp:coreProperties>
</file>